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6"/>
  </p:sldMasterIdLst>
  <p:notesMasterIdLst>
    <p:notesMasterId r:id="rId13"/>
  </p:notesMasterIdLst>
  <p:sldIdLst>
    <p:sldId id="257" r:id="rId7"/>
    <p:sldId id="258" r:id="rId8"/>
    <p:sldId id="259" r:id="rId9"/>
    <p:sldId id="260" r:id="rId10"/>
    <p:sldId id="261" r:id="rId11"/>
    <p:sldId id="262" r:id="rId1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90EF24A-F3E4-469F-B7BC-D7ED211CB5DB}" v="9" dt="2024-02-20T11:54:34.68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4662" autoAdjust="0"/>
  </p:normalViewPr>
  <p:slideViewPr>
    <p:cSldViewPr snapToGrid="0" showGuides="1">
      <p:cViewPr varScale="1">
        <p:scale>
          <a:sx n="80" d="100"/>
          <a:sy n="80" d="100"/>
        </p:scale>
        <p:origin x="132" y="113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notesMaster" Target="notesMasters/notesMaster1.xml"/><Relationship Id="rId18" Type="http://schemas.microsoft.com/office/2015/10/relationships/revisionInfo" Target="revisionInfo.xml"/><Relationship Id="rId3" Type="http://schemas.openxmlformats.org/officeDocument/2006/relationships/customXml" Target="../customXml/item3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" Target="slides/slide5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" Target="slides/slide4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presProps" Target="pres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3_2">
  <dgm:title val=""/>
  <dgm:desc val=""/>
  <dgm:catLst>
    <dgm:cat type="accent3" pri="11200"/>
  </dgm:catLst>
  <dgm:styleLbl name="node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3"/>
    </dgm:fillClrLst>
    <dgm:linClrLst meth="repeat">
      <a:schemeClr val="accent3"/>
    </dgm:linClrLst>
    <dgm:effectClrLst/>
    <dgm:txLinClrLst/>
    <dgm:txFillClrLst/>
    <dgm:txEffectClrLst/>
  </dgm:styleLbl>
  <dgm:styleLbl name="lnNode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3">
        <a:tint val="60000"/>
      </a:schemeClr>
    </dgm:fillClrLst>
    <dgm:linClrLst meth="repeat">
      <a:schemeClr val="accent3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/>
    </dgm:fillClrLst>
    <dgm:linClrLst meth="repeat">
      <a:schemeClr val="accent3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3"/>
    </dgm:fillClrLst>
    <dgm:linClrLst meth="repeat">
      <a:schemeClr val="accent3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3">
        <a:alpha val="90000"/>
        <a:tint val="40000"/>
      </a:schemeClr>
    </dgm:fillClrLst>
    <dgm:linClrLst meth="repeat">
      <a:schemeClr val="accent3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accent3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8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3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4B09657E-61C0-4E6E-BA66-7034FD40AE25}" type="doc">
      <dgm:prSet loTypeId="urn:microsoft.com/office/officeart/2005/8/layout/hList1" loCatId="list" qsTypeId="urn:microsoft.com/office/officeart/2005/8/quickstyle/simple1" qsCatId="simple" csTypeId="urn:microsoft.com/office/officeart/2005/8/colors/accent3_2" csCatId="accent3" phldr="1"/>
      <dgm:spPr/>
      <dgm:t>
        <a:bodyPr/>
        <a:lstStyle/>
        <a:p>
          <a:endParaRPr lang="da-DK"/>
        </a:p>
      </dgm:t>
    </dgm:pt>
    <dgm:pt modelId="{8DC134C9-A4A9-47C1-89E7-8038A46EEA3D}">
      <dgm:prSet phldrT="[Tekst]"/>
      <dgm:spPr/>
      <dgm:t>
        <a:bodyPr/>
        <a:lstStyle/>
        <a:p>
          <a:r>
            <a:rPr lang="da-DK" b="1" dirty="0"/>
            <a:t>2. semester</a:t>
          </a:r>
          <a:br>
            <a:rPr lang="da-DK" b="1" dirty="0"/>
          </a:br>
          <a:r>
            <a:rPr lang="da-DK" b="1" dirty="0"/>
            <a:t>Spot på Projektorienteret forløb</a:t>
          </a:r>
        </a:p>
      </dgm:t>
    </dgm:pt>
    <dgm:pt modelId="{26B2ABCC-9472-495D-88AC-55FF48BB81FA}" type="parTrans" cxnId="{6CDC56B0-93E5-4598-9B72-CD50D4501F4E}">
      <dgm:prSet/>
      <dgm:spPr/>
      <dgm:t>
        <a:bodyPr/>
        <a:lstStyle/>
        <a:p>
          <a:endParaRPr lang="da-DK"/>
        </a:p>
      </dgm:t>
    </dgm:pt>
    <dgm:pt modelId="{BC6A4A82-9C93-4BE4-8900-BB4CC87C3976}" type="sibTrans" cxnId="{6CDC56B0-93E5-4598-9B72-CD50D4501F4E}">
      <dgm:prSet/>
      <dgm:spPr/>
      <dgm:t>
        <a:bodyPr/>
        <a:lstStyle/>
        <a:p>
          <a:endParaRPr lang="da-DK"/>
        </a:p>
      </dgm:t>
    </dgm:pt>
    <dgm:pt modelId="{783B8CE1-2F08-4CD6-92A4-E2579EACC609}">
      <dgm:prSet phldrT="[Tekst]"/>
      <dgm:spPr/>
      <dgm:t>
        <a:bodyPr/>
        <a:lstStyle/>
        <a:p>
          <a:r>
            <a:rPr lang="da-DK" b="1" dirty="0"/>
            <a:t>3. semester:</a:t>
          </a:r>
          <a:br>
            <a:rPr lang="da-DK" b="1" dirty="0"/>
          </a:br>
          <a:r>
            <a:rPr lang="da-DK" b="1" dirty="0"/>
            <a:t>Spot på specialet</a:t>
          </a:r>
        </a:p>
      </dgm:t>
    </dgm:pt>
    <dgm:pt modelId="{CE14905A-2EC8-469B-B66B-A23E40F23FB6}" type="parTrans" cxnId="{D1CD2E14-947D-44BD-9339-F1E223B7E4AB}">
      <dgm:prSet/>
      <dgm:spPr/>
      <dgm:t>
        <a:bodyPr/>
        <a:lstStyle/>
        <a:p>
          <a:endParaRPr lang="da-DK"/>
        </a:p>
      </dgm:t>
    </dgm:pt>
    <dgm:pt modelId="{DFEAF84A-B453-493F-995D-F51E79EE0503}" type="sibTrans" cxnId="{D1CD2E14-947D-44BD-9339-F1E223B7E4AB}">
      <dgm:prSet/>
      <dgm:spPr/>
      <dgm:t>
        <a:bodyPr/>
        <a:lstStyle/>
        <a:p>
          <a:endParaRPr lang="da-DK"/>
        </a:p>
      </dgm:t>
    </dgm:pt>
    <dgm:pt modelId="{82575109-D33C-4845-BC81-0F5FAD0D2FA1}">
      <dgm:prSet phldrT="[Tekst]"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da-DK" dirty="0"/>
            <a:t>Emnet for dit speciale</a:t>
          </a:r>
        </a:p>
      </dgm:t>
    </dgm:pt>
    <dgm:pt modelId="{D5EAD34D-546F-4935-A967-4E45E032D205}" type="parTrans" cxnId="{29FA2DE3-1F9B-4ACA-806F-86BC3499D7FE}">
      <dgm:prSet/>
      <dgm:spPr/>
      <dgm:t>
        <a:bodyPr/>
        <a:lstStyle/>
        <a:p>
          <a:endParaRPr lang="da-DK"/>
        </a:p>
      </dgm:t>
    </dgm:pt>
    <dgm:pt modelId="{B98391FF-B267-4868-9096-119CFC6C766B}" type="sibTrans" cxnId="{29FA2DE3-1F9B-4ACA-806F-86BC3499D7FE}">
      <dgm:prSet/>
      <dgm:spPr/>
      <dgm:t>
        <a:bodyPr/>
        <a:lstStyle/>
        <a:p>
          <a:endParaRPr lang="da-DK"/>
        </a:p>
      </dgm:t>
    </dgm:pt>
    <dgm:pt modelId="{64972123-4285-4D1B-B712-A4CCAFB07416}">
      <dgm:prSet phldrT="[Tekst]"/>
      <dgm:spPr/>
      <dgm:t>
        <a:bodyPr/>
        <a:lstStyle/>
        <a:p>
          <a:r>
            <a:rPr lang="da-DK" b="1" dirty="0"/>
            <a:t>4. semester:</a:t>
          </a:r>
          <a:br>
            <a:rPr lang="da-DK" b="1" dirty="0"/>
          </a:br>
          <a:r>
            <a:rPr lang="da-DK" b="1" dirty="0"/>
            <a:t>Spot på jobsøgningen</a:t>
          </a:r>
        </a:p>
      </dgm:t>
    </dgm:pt>
    <dgm:pt modelId="{2D970E91-AF70-4700-9A7A-00EDC6D63442}" type="parTrans" cxnId="{385AF2FF-9755-4DA0-A19A-C6CEED86A0AA}">
      <dgm:prSet/>
      <dgm:spPr/>
      <dgm:t>
        <a:bodyPr/>
        <a:lstStyle/>
        <a:p>
          <a:endParaRPr lang="da-DK"/>
        </a:p>
      </dgm:t>
    </dgm:pt>
    <dgm:pt modelId="{12FD2248-0170-44C5-8B64-51B44FC6D9FA}" type="sibTrans" cxnId="{385AF2FF-9755-4DA0-A19A-C6CEED86A0AA}">
      <dgm:prSet/>
      <dgm:spPr/>
      <dgm:t>
        <a:bodyPr/>
        <a:lstStyle/>
        <a:p>
          <a:endParaRPr lang="da-DK"/>
        </a:p>
      </dgm:t>
    </dgm:pt>
    <dgm:pt modelId="{E6094ABE-B58E-4142-A5D3-CF00A7DCD7C2}">
      <dgm:prSet phldrT="[Tekst]"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da-DK" dirty="0"/>
            <a:t>Find de gode jobs og jobopslag</a:t>
          </a:r>
        </a:p>
      </dgm:t>
    </dgm:pt>
    <dgm:pt modelId="{501BC250-7855-4A69-BF6D-99EE992C0601}" type="parTrans" cxnId="{32D5F1EB-B172-436E-B43F-E5D25A4A297D}">
      <dgm:prSet/>
      <dgm:spPr/>
      <dgm:t>
        <a:bodyPr/>
        <a:lstStyle/>
        <a:p>
          <a:endParaRPr lang="da-DK"/>
        </a:p>
      </dgm:t>
    </dgm:pt>
    <dgm:pt modelId="{8FD85887-D14A-4410-98B9-9BD415405F13}" type="sibTrans" cxnId="{32D5F1EB-B172-436E-B43F-E5D25A4A297D}">
      <dgm:prSet/>
      <dgm:spPr/>
      <dgm:t>
        <a:bodyPr/>
        <a:lstStyle/>
        <a:p>
          <a:endParaRPr lang="da-DK"/>
        </a:p>
      </dgm:t>
    </dgm:pt>
    <dgm:pt modelId="{CA0BF56F-A911-48DE-84AB-79F1D9A0A81A}">
      <dgm:prSet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da-DK" dirty="0"/>
            <a:t>Specialeformat – hvad skal du vælge?</a:t>
          </a:r>
        </a:p>
      </dgm:t>
    </dgm:pt>
    <dgm:pt modelId="{D56C2885-18D2-40E1-A292-6908D28FABBF}" type="parTrans" cxnId="{A9580C64-5A50-4BC5-A18C-64D6CAC6F3F8}">
      <dgm:prSet/>
      <dgm:spPr/>
      <dgm:t>
        <a:bodyPr/>
        <a:lstStyle/>
        <a:p>
          <a:endParaRPr lang="da-DK"/>
        </a:p>
      </dgm:t>
    </dgm:pt>
    <dgm:pt modelId="{A085C3C9-5AEC-4648-A966-7FE51AE8EA76}" type="sibTrans" cxnId="{A9580C64-5A50-4BC5-A18C-64D6CAC6F3F8}">
      <dgm:prSet/>
      <dgm:spPr/>
      <dgm:t>
        <a:bodyPr/>
        <a:lstStyle/>
        <a:p>
          <a:endParaRPr lang="da-DK"/>
        </a:p>
      </dgm:t>
    </dgm:pt>
    <dgm:pt modelId="{AE164C66-07BA-4663-8EFD-D613423247FC}">
      <dgm:prSet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da-DK" dirty="0"/>
            <a:t>Brug specialet til at skabe retning på din faglighed</a:t>
          </a:r>
        </a:p>
      </dgm:t>
    </dgm:pt>
    <dgm:pt modelId="{11C53A57-450B-4710-90D8-C7490B065A90}" type="parTrans" cxnId="{79252D4B-C49C-4BA7-BE94-D82C8F786ACA}">
      <dgm:prSet/>
      <dgm:spPr/>
      <dgm:t>
        <a:bodyPr/>
        <a:lstStyle/>
        <a:p>
          <a:endParaRPr lang="da-DK"/>
        </a:p>
      </dgm:t>
    </dgm:pt>
    <dgm:pt modelId="{3AC32A2E-BED4-4441-B8F5-3C317028BD1E}" type="sibTrans" cxnId="{79252D4B-C49C-4BA7-BE94-D82C8F786ACA}">
      <dgm:prSet/>
      <dgm:spPr/>
      <dgm:t>
        <a:bodyPr/>
        <a:lstStyle/>
        <a:p>
          <a:endParaRPr lang="da-DK"/>
        </a:p>
      </dgm:t>
    </dgm:pt>
    <dgm:pt modelId="{E2DD0FF2-9227-4F6B-96F3-E27DE9F28AF5}">
      <dgm:prSet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da-DK" dirty="0"/>
            <a:t>CV og ansøgning – hvordan?</a:t>
          </a:r>
        </a:p>
      </dgm:t>
    </dgm:pt>
    <dgm:pt modelId="{9627C0B9-A97F-4BD3-A533-0B7E65168A1D}" type="parTrans" cxnId="{E45E5D9A-5A9F-467C-8176-42B032B9F397}">
      <dgm:prSet/>
      <dgm:spPr/>
      <dgm:t>
        <a:bodyPr/>
        <a:lstStyle/>
        <a:p>
          <a:endParaRPr lang="da-DK"/>
        </a:p>
      </dgm:t>
    </dgm:pt>
    <dgm:pt modelId="{8BC6234B-B600-4D6D-9B16-9529D82C0C1E}" type="sibTrans" cxnId="{E45E5D9A-5A9F-467C-8176-42B032B9F397}">
      <dgm:prSet/>
      <dgm:spPr/>
      <dgm:t>
        <a:bodyPr/>
        <a:lstStyle/>
        <a:p>
          <a:endParaRPr lang="da-DK"/>
        </a:p>
      </dgm:t>
    </dgm:pt>
    <dgm:pt modelId="{85F5059C-A458-4EC8-963C-3DDBD639CD05}">
      <dgm:prSet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da-DK" dirty="0"/>
            <a:t>Find og sæt ord på dine kompetencer og din faglige profil</a:t>
          </a:r>
        </a:p>
      </dgm:t>
    </dgm:pt>
    <dgm:pt modelId="{3C43AA11-E635-4C67-862B-24AF8849EDC8}" type="parTrans" cxnId="{F177C326-5FA4-4009-B265-ED364E7F2931}">
      <dgm:prSet/>
      <dgm:spPr/>
      <dgm:t>
        <a:bodyPr/>
        <a:lstStyle/>
        <a:p>
          <a:endParaRPr lang="da-DK"/>
        </a:p>
      </dgm:t>
    </dgm:pt>
    <dgm:pt modelId="{925A7418-28BB-41B5-BC59-5E197F07C998}" type="sibTrans" cxnId="{F177C326-5FA4-4009-B265-ED364E7F2931}">
      <dgm:prSet/>
      <dgm:spPr/>
      <dgm:t>
        <a:bodyPr/>
        <a:lstStyle/>
        <a:p>
          <a:endParaRPr lang="da-DK"/>
        </a:p>
      </dgm:t>
    </dgm:pt>
    <dgm:pt modelId="{47DEA29D-4333-4774-8EEB-140E577762E9}">
      <dgm:prSet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da-DK" dirty="0"/>
            <a:t>Brug dit netværk i jobsøgningen</a:t>
          </a:r>
        </a:p>
      </dgm:t>
    </dgm:pt>
    <dgm:pt modelId="{363A7AB7-4923-4FD1-8303-637A3EB29F94}" type="parTrans" cxnId="{C96C0DF8-E277-4FDC-A412-84D325C1C50C}">
      <dgm:prSet/>
      <dgm:spPr/>
      <dgm:t>
        <a:bodyPr/>
        <a:lstStyle/>
        <a:p>
          <a:endParaRPr lang="da-DK"/>
        </a:p>
      </dgm:t>
    </dgm:pt>
    <dgm:pt modelId="{02111EBE-1B64-472A-A933-F9A8A20742AC}" type="sibTrans" cxnId="{C96C0DF8-E277-4FDC-A412-84D325C1C50C}">
      <dgm:prSet/>
      <dgm:spPr/>
      <dgm:t>
        <a:bodyPr/>
        <a:lstStyle/>
        <a:p>
          <a:endParaRPr lang="da-DK"/>
        </a:p>
      </dgm:t>
    </dgm:pt>
    <dgm:pt modelId="{F0FDEEF0-8E8C-47DE-9C56-78336658AE34}">
      <dgm:prSet phldrT="[Tekst]"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da-DK" dirty="0"/>
            <a:t>Hvorfor projektorienteret forløb?</a:t>
          </a:r>
        </a:p>
      </dgm:t>
    </dgm:pt>
    <dgm:pt modelId="{CBB7C1FA-7FCF-466E-956A-36CEE45F3400}" type="sibTrans" cxnId="{18D2250E-196C-412B-8763-1731D94A82A3}">
      <dgm:prSet/>
      <dgm:spPr/>
      <dgm:t>
        <a:bodyPr/>
        <a:lstStyle/>
        <a:p>
          <a:endParaRPr lang="da-DK"/>
        </a:p>
      </dgm:t>
    </dgm:pt>
    <dgm:pt modelId="{088BDDCB-D9F0-4F9E-B797-EFC62FFF5CA4}" type="parTrans" cxnId="{18D2250E-196C-412B-8763-1731D94A82A3}">
      <dgm:prSet/>
      <dgm:spPr/>
      <dgm:t>
        <a:bodyPr/>
        <a:lstStyle/>
        <a:p>
          <a:endParaRPr lang="da-DK"/>
        </a:p>
      </dgm:t>
    </dgm:pt>
    <dgm:pt modelId="{879D69DB-8655-4B42-9480-90894AD17F83}">
      <dgm:prSet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da-DK" dirty="0"/>
            <a:t>Find den rigtige projektvirksomhed</a:t>
          </a:r>
        </a:p>
      </dgm:t>
    </dgm:pt>
    <dgm:pt modelId="{918A88CE-3780-469C-BA5C-BAE0335EC1C4}" type="sibTrans" cxnId="{9959FEBD-0539-49F0-8CC9-B84255955957}">
      <dgm:prSet/>
      <dgm:spPr/>
      <dgm:t>
        <a:bodyPr/>
        <a:lstStyle/>
        <a:p>
          <a:endParaRPr lang="da-DK"/>
        </a:p>
      </dgm:t>
    </dgm:pt>
    <dgm:pt modelId="{CCA5DD58-4870-497A-B7C5-D21FAEFB2779}" type="parTrans" cxnId="{9959FEBD-0539-49F0-8CC9-B84255955957}">
      <dgm:prSet/>
      <dgm:spPr/>
      <dgm:t>
        <a:bodyPr/>
        <a:lstStyle/>
        <a:p>
          <a:endParaRPr lang="da-DK"/>
        </a:p>
      </dgm:t>
    </dgm:pt>
    <dgm:pt modelId="{24782FD8-EC5F-421E-AE52-89EED226A03F}" type="pres">
      <dgm:prSet presAssocID="{4B09657E-61C0-4E6E-BA66-7034FD40AE25}" presName="Name0" presStyleCnt="0">
        <dgm:presLayoutVars>
          <dgm:dir/>
          <dgm:animLvl val="lvl"/>
          <dgm:resizeHandles val="exact"/>
        </dgm:presLayoutVars>
      </dgm:prSet>
      <dgm:spPr/>
    </dgm:pt>
    <dgm:pt modelId="{E686C9D4-71AF-45EF-B002-2AC20FE10E37}" type="pres">
      <dgm:prSet presAssocID="{8DC134C9-A4A9-47C1-89E7-8038A46EEA3D}" presName="composite" presStyleCnt="0"/>
      <dgm:spPr/>
    </dgm:pt>
    <dgm:pt modelId="{58437245-A7F6-471A-8E2A-302317664605}" type="pres">
      <dgm:prSet presAssocID="{8DC134C9-A4A9-47C1-89E7-8038A46EEA3D}" presName="parTx" presStyleLbl="alignNode1" presStyleIdx="0" presStyleCnt="3">
        <dgm:presLayoutVars>
          <dgm:chMax val="0"/>
          <dgm:chPref val="0"/>
          <dgm:bulletEnabled val="1"/>
        </dgm:presLayoutVars>
      </dgm:prSet>
      <dgm:spPr/>
    </dgm:pt>
    <dgm:pt modelId="{A2431AF7-AF14-40CD-A39E-BED77226616A}" type="pres">
      <dgm:prSet presAssocID="{8DC134C9-A4A9-47C1-89E7-8038A46EEA3D}" presName="desTx" presStyleLbl="alignAccFollowNode1" presStyleIdx="0" presStyleCnt="3">
        <dgm:presLayoutVars>
          <dgm:bulletEnabled val="1"/>
        </dgm:presLayoutVars>
      </dgm:prSet>
      <dgm:spPr/>
    </dgm:pt>
    <dgm:pt modelId="{F0A610BC-84C2-4EB0-B5D7-F8E40E4255DF}" type="pres">
      <dgm:prSet presAssocID="{BC6A4A82-9C93-4BE4-8900-BB4CC87C3976}" presName="space" presStyleCnt="0"/>
      <dgm:spPr/>
    </dgm:pt>
    <dgm:pt modelId="{0EAF656F-C232-41A9-998B-C5A23268FA1B}" type="pres">
      <dgm:prSet presAssocID="{783B8CE1-2F08-4CD6-92A4-E2579EACC609}" presName="composite" presStyleCnt="0"/>
      <dgm:spPr/>
    </dgm:pt>
    <dgm:pt modelId="{87901B4D-3CC2-4FBF-8882-9CC9B1F12DFA}" type="pres">
      <dgm:prSet presAssocID="{783B8CE1-2F08-4CD6-92A4-E2579EACC609}" presName="parTx" presStyleLbl="alignNode1" presStyleIdx="1" presStyleCnt="3">
        <dgm:presLayoutVars>
          <dgm:chMax val="0"/>
          <dgm:chPref val="0"/>
          <dgm:bulletEnabled val="1"/>
        </dgm:presLayoutVars>
      </dgm:prSet>
      <dgm:spPr/>
    </dgm:pt>
    <dgm:pt modelId="{296A89EE-89C6-4BC8-83CE-3A82517118B8}" type="pres">
      <dgm:prSet presAssocID="{783B8CE1-2F08-4CD6-92A4-E2579EACC609}" presName="desTx" presStyleLbl="alignAccFollowNode1" presStyleIdx="1" presStyleCnt="3">
        <dgm:presLayoutVars>
          <dgm:bulletEnabled val="1"/>
        </dgm:presLayoutVars>
      </dgm:prSet>
      <dgm:spPr/>
    </dgm:pt>
    <dgm:pt modelId="{849EA759-3C83-4A8C-96C1-573094FD5C4F}" type="pres">
      <dgm:prSet presAssocID="{DFEAF84A-B453-493F-995D-F51E79EE0503}" presName="space" presStyleCnt="0"/>
      <dgm:spPr/>
    </dgm:pt>
    <dgm:pt modelId="{8AE339D8-BE8E-4057-8E68-B63605E7E178}" type="pres">
      <dgm:prSet presAssocID="{64972123-4285-4D1B-B712-A4CCAFB07416}" presName="composite" presStyleCnt="0"/>
      <dgm:spPr/>
    </dgm:pt>
    <dgm:pt modelId="{FFC554D0-D7E1-4CBA-AEFB-FFE394F94A46}" type="pres">
      <dgm:prSet presAssocID="{64972123-4285-4D1B-B712-A4CCAFB07416}" presName="parTx" presStyleLbl="alignNode1" presStyleIdx="2" presStyleCnt="3">
        <dgm:presLayoutVars>
          <dgm:chMax val="0"/>
          <dgm:chPref val="0"/>
          <dgm:bulletEnabled val="1"/>
        </dgm:presLayoutVars>
      </dgm:prSet>
      <dgm:spPr/>
    </dgm:pt>
    <dgm:pt modelId="{BC93E8A8-8E52-4989-A5C3-7D7A52DB853A}" type="pres">
      <dgm:prSet presAssocID="{64972123-4285-4D1B-B712-A4CCAFB07416}" presName="desTx" presStyleLbl="alignAccFollowNode1" presStyleIdx="2" presStyleCnt="3">
        <dgm:presLayoutVars>
          <dgm:bulletEnabled val="1"/>
        </dgm:presLayoutVars>
      </dgm:prSet>
      <dgm:spPr/>
    </dgm:pt>
  </dgm:ptLst>
  <dgm:cxnLst>
    <dgm:cxn modelId="{FC16C80B-D676-405A-9434-EFFB08F3B68C}" type="presOf" srcId="{CA0BF56F-A911-48DE-84AB-79F1D9A0A81A}" destId="{296A89EE-89C6-4BC8-83CE-3A82517118B8}" srcOrd="0" destOrd="1" presId="urn:microsoft.com/office/officeart/2005/8/layout/hList1"/>
    <dgm:cxn modelId="{18D2250E-196C-412B-8763-1731D94A82A3}" srcId="{8DC134C9-A4A9-47C1-89E7-8038A46EEA3D}" destId="{F0FDEEF0-8E8C-47DE-9C56-78336658AE34}" srcOrd="0" destOrd="0" parTransId="{088BDDCB-D9F0-4F9E-B797-EFC62FFF5CA4}" sibTransId="{CBB7C1FA-7FCF-466E-956A-36CEE45F3400}"/>
    <dgm:cxn modelId="{D1CD2E14-947D-44BD-9339-F1E223B7E4AB}" srcId="{4B09657E-61C0-4E6E-BA66-7034FD40AE25}" destId="{783B8CE1-2F08-4CD6-92A4-E2579EACC609}" srcOrd="1" destOrd="0" parTransId="{CE14905A-2EC8-469B-B66B-A23E40F23FB6}" sibTransId="{DFEAF84A-B453-493F-995D-F51E79EE0503}"/>
    <dgm:cxn modelId="{77DB6919-CFD4-4078-AB25-19CABF21E707}" type="presOf" srcId="{879D69DB-8655-4B42-9480-90894AD17F83}" destId="{A2431AF7-AF14-40CD-A39E-BED77226616A}" srcOrd="0" destOrd="1" presId="urn:microsoft.com/office/officeart/2005/8/layout/hList1"/>
    <dgm:cxn modelId="{F177C326-5FA4-4009-B265-ED364E7F2931}" srcId="{64972123-4285-4D1B-B712-A4CCAFB07416}" destId="{85F5059C-A458-4EC8-963C-3DDBD639CD05}" srcOrd="2" destOrd="0" parTransId="{3C43AA11-E635-4C67-862B-24AF8849EDC8}" sibTransId="{925A7418-28BB-41B5-BC59-5E197F07C998}"/>
    <dgm:cxn modelId="{42477831-05E9-4A6F-BCBB-E6F4358A8D5B}" type="presOf" srcId="{AE164C66-07BA-4663-8EFD-D613423247FC}" destId="{296A89EE-89C6-4BC8-83CE-3A82517118B8}" srcOrd="0" destOrd="2" presId="urn:microsoft.com/office/officeart/2005/8/layout/hList1"/>
    <dgm:cxn modelId="{E7CBEA61-C20A-4418-B563-4A4A8C5D8B4D}" type="presOf" srcId="{F0FDEEF0-8E8C-47DE-9C56-78336658AE34}" destId="{A2431AF7-AF14-40CD-A39E-BED77226616A}" srcOrd="0" destOrd="0" presId="urn:microsoft.com/office/officeart/2005/8/layout/hList1"/>
    <dgm:cxn modelId="{A9580C64-5A50-4BC5-A18C-64D6CAC6F3F8}" srcId="{783B8CE1-2F08-4CD6-92A4-E2579EACC609}" destId="{CA0BF56F-A911-48DE-84AB-79F1D9A0A81A}" srcOrd="1" destOrd="0" parTransId="{D56C2885-18D2-40E1-A292-6908D28FABBF}" sibTransId="{A085C3C9-5AEC-4648-A966-7FE51AE8EA76}"/>
    <dgm:cxn modelId="{79252D4B-C49C-4BA7-BE94-D82C8F786ACA}" srcId="{783B8CE1-2F08-4CD6-92A4-E2579EACC609}" destId="{AE164C66-07BA-4663-8EFD-D613423247FC}" srcOrd="2" destOrd="0" parTransId="{11C53A57-450B-4710-90D8-C7490B065A90}" sibTransId="{3AC32A2E-BED4-4441-B8F5-3C317028BD1E}"/>
    <dgm:cxn modelId="{AEC5C74D-77F0-4000-A43A-1F07B98FC610}" type="presOf" srcId="{783B8CE1-2F08-4CD6-92A4-E2579EACC609}" destId="{87901B4D-3CC2-4FBF-8882-9CC9B1F12DFA}" srcOrd="0" destOrd="0" presId="urn:microsoft.com/office/officeart/2005/8/layout/hList1"/>
    <dgm:cxn modelId="{C6471753-4AA2-437D-9399-959ACA7D4EB5}" type="presOf" srcId="{E2DD0FF2-9227-4F6B-96F3-E27DE9F28AF5}" destId="{BC93E8A8-8E52-4989-A5C3-7D7A52DB853A}" srcOrd="0" destOrd="1" presId="urn:microsoft.com/office/officeart/2005/8/layout/hList1"/>
    <dgm:cxn modelId="{56799D53-6A93-49FD-A9CF-8548CD46C8AA}" type="presOf" srcId="{E6094ABE-B58E-4142-A5D3-CF00A7DCD7C2}" destId="{BC93E8A8-8E52-4989-A5C3-7D7A52DB853A}" srcOrd="0" destOrd="0" presId="urn:microsoft.com/office/officeart/2005/8/layout/hList1"/>
    <dgm:cxn modelId="{8F51A256-1DB1-416F-9BC6-71EFA582FD8F}" type="presOf" srcId="{82575109-D33C-4845-BC81-0F5FAD0D2FA1}" destId="{296A89EE-89C6-4BC8-83CE-3A82517118B8}" srcOrd="0" destOrd="0" presId="urn:microsoft.com/office/officeart/2005/8/layout/hList1"/>
    <dgm:cxn modelId="{9A692592-B09D-4720-8120-A5C5742AFF6A}" type="presOf" srcId="{4B09657E-61C0-4E6E-BA66-7034FD40AE25}" destId="{24782FD8-EC5F-421E-AE52-89EED226A03F}" srcOrd="0" destOrd="0" presId="urn:microsoft.com/office/officeart/2005/8/layout/hList1"/>
    <dgm:cxn modelId="{28617D94-DA67-4C43-97C2-538386D4B674}" type="presOf" srcId="{47DEA29D-4333-4774-8EEB-140E577762E9}" destId="{BC93E8A8-8E52-4989-A5C3-7D7A52DB853A}" srcOrd="0" destOrd="3" presId="urn:microsoft.com/office/officeart/2005/8/layout/hList1"/>
    <dgm:cxn modelId="{E45E5D9A-5A9F-467C-8176-42B032B9F397}" srcId="{64972123-4285-4D1B-B712-A4CCAFB07416}" destId="{E2DD0FF2-9227-4F6B-96F3-E27DE9F28AF5}" srcOrd="1" destOrd="0" parTransId="{9627C0B9-A97F-4BD3-A533-0B7E65168A1D}" sibTransId="{8BC6234B-B600-4D6D-9B16-9529D82C0C1E}"/>
    <dgm:cxn modelId="{6CDC56B0-93E5-4598-9B72-CD50D4501F4E}" srcId="{4B09657E-61C0-4E6E-BA66-7034FD40AE25}" destId="{8DC134C9-A4A9-47C1-89E7-8038A46EEA3D}" srcOrd="0" destOrd="0" parTransId="{26B2ABCC-9472-495D-88AC-55FF48BB81FA}" sibTransId="{BC6A4A82-9C93-4BE4-8900-BB4CC87C3976}"/>
    <dgm:cxn modelId="{C9167EB8-0410-459A-8728-5778248AE9ED}" type="presOf" srcId="{8DC134C9-A4A9-47C1-89E7-8038A46EEA3D}" destId="{58437245-A7F6-471A-8E2A-302317664605}" srcOrd="0" destOrd="0" presId="urn:microsoft.com/office/officeart/2005/8/layout/hList1"/>
    <dgm:cxn modelId="{9959FEBD-0539-49F0-8CC9-B84255955957}" srcId="{8DC134C9-A4A9-47C1-89E7-8038A46EEA3D}" destId="{879D69DB-8655-4B42-9480-90894AD17F83}" srcOrd="1" destOrd="0" parTransId="{CCA5DD58-4870-497A-B7C5-D21FAEFB2779}" sibTransId="{918A88CE-3780-469C-BA5C-BAE0335EC1C4}"/>
    <dgm:cxn modelId="{C383E0C1-7851-4353-9F5C-A638AEC8A671}" type="presOf" srcId="{85F5059C-A458-4EC8-963C-3DDBD639CD05}" destId="{BC93E8A8-8E52-4989-A5C3-7D7A52DB853A}" srcOrd="0" destOrd="2" presId="urn:microsoft.com/office/officeart/2005/8/layout/hList1"/>
    <dgm:cxn modelId="{9C4C88CF-D5B2-45BB-9610-2F5BF6A0C201}" type="presOf" srcId="{64972123-4285-4D1B-B712-A4CCAFB07416}" destId="{FFC554D0-D7E1-4CBA-AEFB-FFE394F94A46}" srcOrd="0" destOrd="0" presId="urn:microsoft.com/office/officeart/2005/8/layout/hList1"/>
    <dgm:cxn modelId="{29FA2DE3-1F9B-4ACA-806F-86BC3499D7FE}" srcId="{783B8CE1-2F08-4CD6-92A4-E2579EACC609}" destId="{82575109-D33C-4845-BC81-0F5FAD0D2FA1}" srcOrd="0" destOrd="0" parTransId="{D5EAD34D-546F-4935-A967-4E45E032D205}" sibTransId="{B98391FF-B267-4868-9096-119CFC6C766B}"/>
    <dgm:cxn modelId="{32D5F1EB-B172-436E-B43F-E5D25A4A297D}" srcId="{64972123-4285-4D1B-B712-A4CCAFB07416}" destId="{E6094ABE-B58E-4142-A5D3-CF00A7DCD7C2}" srcOrd="0" destOrd="0" parTransId="{501BC250-7855-4A69-BF6D-99EE992C0601}" sibTransId="{8FD85887-D14A-4410-98B9-9BD415405F13}"/>
    <dgm:cxn modelId="{C96C0DF8-E277-4FDC-A412-84D325C1C50C}" srcId="{64972123-4285-4D1B-B712-A4CCAFB07416}" destId="{47DEA29D-4333-4774-8EEB-140E577762E9}" srcOrd="3" destOrd="0" parTransId="{363A7AB7-4923-4FD1-8303-637A3EB29F94}" sibTransId="{02111EBE-1B64-472A-A933-F9A8A20742AC}"/>
    <dgm:cxn modelId="{385AF2FF-9755-4DA0-A19A-C6CEED86A0AA}" srcId="{4B09657E-61C0-4E6E-BA66-7034FD40AE25}" destId="{64972123-4285-4D1B-B712-A4CCAFB07416}" srcOrd="2" destOrd="0" parTransId="{2D970E91-AF70-4700-9A7A-00EDC6D63442}" sibTransId="{12FD2248-0170-44C5-8B64-51B44FC6D9FA}"/>
    <dgm:cxn modelId="{09DDF036-5160-4D31-AC61-4EA0E8D1F534}" type="presParOf" srcId="{24782FD8-EC5F-421E-AE52-89EED226A03F}" destId="{E686C9D4-71AF-45EF-B002-2AC20FE10E37}" srcOrd="0" destOrd="0" presId="urn:microsoft.com/office/officeart/2005/8/layout/hList1"/>
    <dgm:cxn modelId="{60CCB7B7-EE40-4EDD-855F-83159B66DA13}" type="presParOf" srcId="{E686C9D4-71AF-45EF-B002-2AC20FE10E37}" destId="{58437245-A7F6-471A-8E2A-302317664605}" srcOrd="0" destOrd="0" presId="urn:microsoft.com/office/officeart/2005/8/layout/hList1"/>
    <dgm:cxn modelId="{D4D10637-13EF-414E-99CF-5A4FFD8FBF11}" type="presParOf" srcId="{E686C9D4-71AF-45EF-B002-2AC20FE10E37}" destId="{A2431AF7-AF14-40CD-A39E-BED77226616A}" srcOrd="1" destOrd="0" presId="urn:microsoft.com/office/officeart/2005/8/layout/hList1"/>
    <dgm:cxn modelId="{15AAC0D5-38E8-49EF-A71E-F1F9FD92AF70}" type="presParOf" srcId="{24782FD8-EC5F-421E-AE52-89EED226A03F}" destId="{F0A610BC-84C2-4EB0-B5D7-F8E40E4255DF}" srcOrd="1" destOrd="0" presId="urn:microsoft.com/office/officeart/2005/8/layout/hList1"/>
    <dgm:cxn modelId="{C9DDA656-2242-4E4F-B487-3AD40ADE95AF}" type="presParOf" srcId="{24782FD8-EC5F-421E-AE52-89EED226A03F}" destId="{0EAF656F-C232-41A9-998B-C5A23268FA1B}" srcOrd="2" destOrd="0" presId="urn:microsoft.com/office/officeart/2005/8/layout/hList1"/>
    <dgm:cxn modelId="{BC1A992D-3227-434B-B486-682F6DC9C2E4}" type="presParOf" srcId="{0EAF656F-C232-41A9-998B-C5A23268FA1B}" destId="{87901B4D-3CC2-4FBF-8882-9CC9B1F12DFA}" srcOrd="0" destOrd="0" presId="urn:microsoft.com/office/officeart/2005/8/layout/hList1"/>
    <dgm:cxn modelId="{40A46F8A-A866-42D3-AD15-8F8A53E7E642}" type="presParOf" srcId="{0EAF656F-C232-41A9-998B-C5A23268FA1B}" destId="{296A89EE-89C6-4BC8-83CE-3A82517118B8}" srcOrd="1" destOrd="0" presId="urn:microsoft.com/office/officeart/2005/8/layout/hList1"/>
    <dgm:cxn modelId="{365A574F-54C8-4163-813A-47690490CCA3}" type="presParOf" srcId="{24782FD8-EC5F-421E-AE52-89EED226A03F}" destId="{849EA759-3C83-4A8C-96C1-573094FD5C4F}" srcOrd="3" destOrd="0" presId="urn:microsoft.com/office/officeart/2005/8/layout/hList1"/>
    <dgm:cxn modelId="{DFDB1F04-E897-4E71-B100-73A4A48AE07A}" type="presParOf" srcId="{24782FD8-EC5F-421E-AE52-89EED226A03F}" destId="{8AE339D8-BE8E-4057-8E68-B63605E7E178}" srcOrd="4" destOrd="0" presId="urn:microsoft.com/office/officeart/2005/8/layout/hList1"/>
    <dgm:cxn modelId="{62022DB7-FD58-4E65-8D22-25028959BA29}" type="presParOf" srcId="{8AE339D8-BE8E-4057-8E68-B63605E7E178}" destId="{FFC554D0-D7E1-4CBA-AEFB-FFE394F94A46}" srcOrd="0" destOrd="0" presId="urn:microsoft.com/office/officeart/2005/8/layout/hList1"/>
    <dgm:cxn modelId="{F09A8A73-AAB8-4A19-8D9C-77D4C32A6509}" type="presParOf" srcId="{8AE339D8-BE8E-4057-8E68-B63605E7E178}" destId="{BC93E8A8-8E52-4989-A5C3-7D7A52DB853A}" srcOrd="1" destOrd="0" presId="urn:microsoft.com/office/officeart/2005/8/layout/hList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8437245-A7F6-471A-8E2A-302317664605}">
      <dsp:nvSpPr>
        <dsp:cNvPr id="0" name=""/>
        <dsp:cNvSpPr/>
      </dsp:nvSpPr>
      <dsp:spPr>
        <a:xfrm>
          <a:off x="3563" y="68001"/>
          <a:ext cx="3474692" cy="957504"/>
        </a:xfrm>
        <a:prstGeom prst="rec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42240" tIns="81280" rIns="142240" bIns="8128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b="1" kern="1200" dirty="0"/>
            <a:t>2. semester</a:t>
          </a:r>
          <a:br>
            <a:rPr lang="da-DK" sz="2000" b="1" kern="1200" dirty="0"/>
          </a:br>
          <a:r>
            <a:rPr lang="da-DK" sz="2000" b="1" kern="1200" dirty="0"/>
            <a:t>Spot på Projektorienteret forløb</a:t>
          </a:r>
        </a:p>
      </dsp:txBody>
      <dsp:txXfrm>
        <a:off x="3563" y="68001"/>
        <a:ext cx="3474692" cy="957504"/>
      </dsp:txXfrm>
    </dsp:sp>
    <dsp:sp modelId="{A2431AF7-AF14-40CD-A39E-BED77226616A}">
      <dsp:nvSpPr>
        <dsp:cNvPr id="0" name=""/>
        <dsp:cNvSpPr/>
      </dsp:nvSpPr>
      <dsp:spPr>
        <a:xfrm>
          <a:off x="3563" y="1025506"/>
          <a:ext cx="3474692" cy="2770466"/>
        </a:xfrm>
        <a:prstGeom prst="rect">
          <a:avLst/>
        </a:prstGeom>
        <a:solidFill>
          <a:schemeClr val="accent3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06680" tIns="106680" rIns="142240" bIns="160020" numCol="1" spcCol="1270" anchor="t" anchorCtr="0">
          <a:noAutofit/>
        </a:bodyPr>
        <a:lstStyle/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Arial" panose="020B0604020202020204" pitchFamily="34" charset="0"/>
            <a:buChar char="•"/>
          </a:pPr>
          <a:r>
            <a:rPr lang="da-DK" sz="2000" kern="1200" dirty="0"/>
            <a:t>Hvorfor projektorienteret forløb?</a:t>
          </a:r>
        </a:p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Arial" panose="020B0604020202020204" pitchFamily="34" charset="0"/>
            <a:buChar char="•"/>
          </a:pPr>
          <a:r>
            <a:rPr lang="da-DK" sz="2000" kern="1200" dirty="0"/>
            <a:t>Find den rigtige projektvirksomhed</a:t>
          </a:r>
        </a:p>
      </dsp:txBody>
      <dsp:txXfrm>
        <a:off x="3563" y="1025506"/>
        <a:ext cx="3474692" cy="2770466"/>
      </dsp:txXfrm>
    </dsp:sp>
    <dsp:sp modelId="{87901B4D-3CC2-4FBF-8882-9CC9B1F12DFA}">
      <dsp:nvSpPr>
        <dsp:cNvPr id="0" name=""/>
        <dsp:cNvSpPr/>
      </dsp:nvSpPr>
      <dsp:spPr>
        <a:xfrm>
          <a:off x="3964712" y="68001"/>
          <a:ext cx="3474692" cy="957504"/>
        </a:xfrm>
        <a:prstGeom prst="rec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42240" tIns="81280" rIns="142240" bIns="8128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b="1" kern="1200" dirty="0"/>
            <a:t>3. semester:</a:t>
          </a:r>
          <a:br>
            <a:rPr lang="da-DK" sz="2000" b="1" kern="1200" dirty="0"/>
          </a:br>
          <a:r>
            <a:rPr lang="da-DK" sz="2000" b="1" kern="1200" dirty="0"/>
            <a:t>Spot på specialet</a:t>
          </a:r>
        </a:p>
      </dsp:txBody>
      <dsp:txXfrm>
        <a:off x="3964712" y="68001"/>
        <a:ext cx="3474692" cy="957504"/>
      </dsp:txXfrm>
    </dsp:sp>
    <dsp:sp modelId="{296A89EE-89C6-4BC8-83CE-3A82517118B8}">
      <dsp:nvSpPr>
        <dsp:cNvPr id="0" name=""/>
        <dsp:cNvSpPr/>
      </dsp:nvSpPr>
      <dsp:spPr>
        <a:xfrm>
          <a:off x="3964712" y="1025506"/>
          <a:ext cx="3474692" cy="2770466"/>
        </a:xfrm>
        <a:prstGeom prst="rect">
          <a:avLst/>
        </a:prstGeom>
        <a:solidFill>
          <a:schemeClr val="accent3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06680" tIns="106680" rIns="142240" bIns="160020" numCol="1" spcCol="1270" anchor="t" anchorCtr="0">
          <a:noAutofit/>
        </a:bodyPr>
        <a:lstStyle/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Arial" panose="020B0604020202020204" pitchFamily="34" charset="0"/>
            <a:buChar char="•"/>
          </a:pPr>
          <a:r>
            <a:rPr lang="da-DK" sz="2000" kern="1200" dirty="0"/>
            <a:t>Emnet for dit speciale</a:t>
          </a:r>
        </a:p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Arial" panose="020B0604020202020204" pitchFamily="34" charset="0"/>
            <a:buChar char="•"/>
          </a:pPr>
          <a:r>
            <a:rPr lang="da-DK" sz="2000" kern="1200" dirty="0"/>
            <a:t>Specialeformat – hvad skal du vælge?</a:t>
          </a:r>
        </a:p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Arial" panose="020B0604020202020204" pitchFamily="34" charset="0"/>
            <a:buChar char="•"/>
          </a:pPr>
          <a:r>
            <a:rPr lang="da-DK" sz="2000" kern="1200" dirty="0"/>
            <a:t>Brug specialet til at skabe retning på din faglighed</a:t>
          </a:r>
        </a:p>
      </dsp:txBody>
      <dsp:txXfrm>
        <a:off x="3964712" y="1025506"/>
        <a:ext cx="3474692" cy="2770466"/>
      </dsp:txXfrm>
    </dsp:sp>
    <dsp:sp modelId="{FFC554D0-D7E1-4CBA-AEFB-FFE394F94A46}">
      <dsp:nvSpPr>
        <dsp:cNvPr id="0" name=""/>
        <dsp:cNvSpPr/>
      </dsp:nvSpPr>
      <dsp:spPr>
        <a:xfrm>
          <a:off x="7925862" y="68001"/>
          <a:ext cx="3474692" cy="957504"/>
        </a:xfrm>
        <a:prstGeom prst="rect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42240" tIns="81280" rIns="142240" bIns="8128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b="1" kern="1200" dirty="0"/>
            <a:t>4. semester:</a:t>
          </a:r>
          <a:br>
            <a:rPr lang="da-DK" sz="2000" b="1" kern="1200" dirty="0"/>
          </a:br>
          <a:r>
            <a:rPr lang="da-DK" sz="2000" b="1" kern="1200" dirty="0"/>
            <a:t>Spot på jobsøgningen</a:t>
          </a:r>
        </a:p>
      </dsp:txBody>
      <dsp:txXfrm>
        <a:off x="7925862" y="68001"/>
        <a:ext cx="3474692" cy="957504"/>
      </dsp:txXfrm>
    </dsp:sp>
    <dsp:sp modelId="{BC93E8A8-8E52-4989-A5C3-7D7A52DB853A}">
      <dsp:nvSpPr>
        <dsp:cNvPr id="0" name=""/>
        <dsp:cNvSpPr/>
      </dsp:nvSpPr>
      <dsp:spPr>
        <a:xfrm>
          <a:off x="7925862" y="1025506"/>
          <a:ext cx="3474692" cy="2770466"/>
        </a:xfrm>
        <a:prstGeom prst="rect">
          <a:avLst/>
        </a:prstGeom>
        <a:solidFill>
          <a:schemeClr val="accent3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06680" tIns="106680" rIns="142240" bIns="160020" numCol="1" spcCol="1270" anchor="t" anchorCtr="0">
          <a:noAutofit/>
        </a:bodyPr>
        <a:lstStyle/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Arial" panose="020B0604020202020204" pitchFamily="34" charset="0"/>
            <a:buChar char="•"/>
          </a:pPr>
          <a:r>
            <a:rPr lang="da-DK" sz="2000" kern="1200" dirty="0"/>
            <a:t>Find de gode jobs og jobopslag</a:t>
          </a:r>
        </a:p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Arial" panose="020B0604020202020204" pitchFamily="34" charset="0"/>
            <a:buChar char="•"/>
          </a:pPr>
          <a:r>
            <a:rPr lang="da-DK" sz="2000" kern="1200" dirty="0"/>
            <a:t>CV og ansøgning – hvordan?</a:t>
          </a:r>
        </a:p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Arial" panose="020B0604020202020204" pitchFamily="34" charset="0"/>
            <a:buChar char="•"/>
          </a:pPr>
          <a:r>
            <a:rPr lang="da-DK" sz="2000" kern="1200" dirty="0"/>
            <a:t>Find og sæt ord på dine kompetencer og din faglige profil</a:t>
          </a:r>
        </a:p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15000"/>
            </a:spcAft>
            <a:buFont typeface="Arial" panose="020B0604020202020204" pitchFamily="34" charset="0"/>
            <a:buChar char="•"/>
          </a:pPr>
          <a:r>
            <a:rPr lang="da-DK" sz="2000" kern="1200" dirty="0"/>
            <a:t>Brug dit netværk i jobsøgningen</a:t>
          </a:r>
        </a:p>
      </dsp:txBody>
      <dsp:txXfrm>
        <a:off x="7925862" y="1025506"/>
        <a:ext cx="3474692" cy="2770466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List1">
  <dgm:title val=""/>
  <dgm:desc val=""/>
  <dgm:catLst>
    <dgm:cat type="list" pri="5000"/>
    <dgm:cat type="convert" pri="5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2">
          <dgm:prSet phldr="1"/>
        </dgm:pt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composite" refType="h"/>
      <dgm:constr type="w" for="ch" forName="composite" refType="w"/>
      <dgm:constr type="w" for="des" forName="parTx"/>
      <dgm:constr type="h" for="des" forName="parTx" op="equ"/>
      <dgm:constr type="w" for="des" forName="desTx"/>
      <dgm:constr type="h" for="des" forName="desTx" op="equ"/>
      <dgm:constr type="primFontSz" for="des" forName="parTx" val="65"/>
      <dgm:constr type="secFontSz" for="des" forName="desTx" refType="primFontSz" refFor="des" refForName="parTx" op="equ"/>
      <dgm:constr type="h" for="des" forName="parTx" refType="primFontSz" refFor="des" refForName="parTx" fact="0.8"/>
      <dgm:constr type="h" for="des" forName="desTx" refType="primFontSz" refFor="des" refForName="parTx" fact="1.22"/>
      <dgm:constr type="w" for="ch" forName="space" refType="w" refFor="ch" refForName="composite" op="equ" fact="0.14"/>
    </dgm:constrLst>
    <dgm:ruleLst>
      <dgm:rule type="w" for="ch" forName="composite" val="0" fact="NaN" max="NaN"/>
      <dgm:rule type="primFontSz" for="des" forName="parTx" val="5" fact="NaN" max="NaN"/>
    </dgm:ruleLst>
    <dgm:forEach name="Name4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onstrLst>
          <dgm:constr type="l" for="ch" forName="parTx"/>
          <dgm:constr type="w" for="ch" forName="parTx" refType="w"/>
          <dgm:constr type="t" for="ch" forName="parTx"/>
          <dgm:constr type="l" for="ch" forName="desTx"/>
          <dgm:constr type="w" for="ch" forName="desTx" refType="w" refFor="ch" refForName="parTx"/>
          <dgm:constr type="t" for="ch" forName="desTx" refType="h" refFor="ch" refForName="parTx"/>
        </dgm:constrLst>
        <dgm:ruleLst>
          <dgm:rule type="h" val="INF" fact="NaN" max="NaN"/>
        </dgm:ruleLst>
        <dgm:layoutNode name="parTx" styleLbl="alignNode1">
          <dgm:varLst>
            <dgm:chMax val="0"/>
            <dgm:chPref val="0"/>
            <dgm:bulletEnabled val="1"/>
          </dgm:varLst>
          <dgm:alg type="tx"/>
          <dgm:shape xmlns:r="http://schemas.openxmlformats.org/officeDocument/2006/relationships" type="rect" r:blip="">
            <dgm:adjLst/>
          </dgm:shape>
          <dgm:presOf axis="self" ptType="node"/>
          <dgm:constrLst>
            <dgm:constr type="h" refType="w" op="lte" fact="0.4"/>
            <dgm:constr type="h"/>
            <dgm:constr type="tMarg" refType="primFontSz" fact="0.32"/>
            <dgm:constr type="bMarg" refType="primFontSz" fact="0.32"/>
          </dgm:constrLst>
          <dgm:ruleLst>
            <dgm:rule type="h" val="INF" fact="NaN" max="NaN"/>
          </dgm:ruleLst>
        </dgm:layoutNode>
        <dgm:layoutNode name="desTx" styleLbl="alignAccFollowNode1">
          <dgm:varLst>
            <dgm:bulletEnabled val="1"/>
          </dgm:varLst>
          <dgm:alg type="tx">
            <dgm:param type="stBulletLvl" val="1"/>
          </dgm:alg>
          <dgm:shape xmlns:r="http://schemas.openxmlformats.org/officeDocument/2006/relationships" type="rect" r:blip="">
            <dgm:adjLst/>
          </dgm:shape>
          <dgm:presOf axis="des" ptType="node"/>
          <dgm:constrLst>
            <dgm:constr type="secFontSz" val="65"/>
            <dgm:constr type="primFontSz" refType="secFontSz"/>
            <dgm:constr type="h"/>
            <dgm:constr type="lMarg" refType="primFontSz" fact="0.42"/>
            <dgm:constr type="tMarg" refType="primFontSz" fact="0.42"/>
            <dgm:constr type="bMarg" refType="primFontSz" fact="0.63"/>
          </dgm:constrLst>
          <dgm:ruleLst>
            <dgm:rule type="h" val="INF" fact="NaN" max="NaN"/>
          </dgm:ruleLst>
        </dgm:layoutNode>
      </dgm:layoutNode>
      <dgm:forEach name="Name5" axis="followSib" ptType="sibTrans" cnt="1">
        <dgm:layoutNode name="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0/02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0-02-2024</a:t>
            </a:fld>
            <a:endParaRPr lang="da-DK" dirty="0"/>
          </a:p>
        </p:txBody>
      </p:sp>
      <p:sp>
        <p:nvSpPr>
          <p:cNvPr id="8" name="TextBox 2">
            <a:extLst>
              <a:ext uri="{FF2B5EF4-FFF2-40B4-BE49-F238E27FC236}">
                <a16:creationId xmlns:a16="http://schemas.microsoft.com/office/drawing/2014/main" id="{1FCD2DA3-F13B-6E3D-22B8-1D942381D88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hyperlink" Target="mailto:msj@sdu.dk" TargetMode="External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C06110B-114C-15BD-E9D3-5625819CCB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ar til Job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43A66F1-8E18-9B11-E6BE-1B9143392627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sz="2000" dirty="0"/>
              <a:t>Klar til Job er et jobsøgningskursus til dig, der er kandidat- eller specialestuderende.</a:t>
            </a:r>
          </a:p>
          <a:p>
            <a:endParaRPr lang="da-DK" sz="2000" dirty="0"/>
          </a:p>
          <a:p>
            <a:r>
              <a:rPr lang="da-DK" sz="2000" dirty="0"/>
              <a:t>Det indeholder redskaber og inspiration, som hjælper dig med at</a:t>
            </a:r>
          </a:p>
          <a:p>
            <a:pPr lvl="1"/>
            <a:r>
              <a:rPr lang="da-DK" sz="1800" dirty="0"/>
              <a:t>Tænke karriere og arbejdsliv ind i Projektorienteret forløb og speciale</a:t>
            </a:r>
          </a:p>
          <a:p>
            <a:pPr lvl="1"/>
            <a:r>
              <a:rPr lang="da-DK" sz="1800" dirty="0"/>
              <a:t>Komme i gang med jobsøgningen, allerede inden du er færdig med din uddannelse.</a:t>
            </a:r>
          </a:p>
          <a:p>
            <a:endParaRPr lang="da-DK" sz="2000" dirty="0"/>
          </a:p>
          <a:p>
            <a:r>
              <a:rPr lang="da-DK" sz="2000" dirty="0"/>
              <a:t>Du finder Klar til job på </a:t>
            </a:r>
            <a:r>
              <a:rPr lang="da-DK" sz="2000" dirty="0" err="1"/>
              <a:t>Itslearning</a:t>
            </a:r>
            <a:r>
              <a:rPr lang="da-DK" sz="2000" dirty="0"/>
              <a:t>. Her vil du blive viderestillet til Minkarriere (Karrierevejledningens platform), hvor forløbet ligger.</a:t>
            </a:r>
            <a:endParaRPr lang="da-DK" sz="2000" dirty="0">
              <a:highlight>
                <a:srgbClr val="FFFF00"/>
              </a:highlight>
            </a:endParaRP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3AB45CF-1F94-B71C-EC59-9C3512DE13D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D942BA82-3299-4428-9747-8CC66A69E358}" type="datetime1">
              <a:rPr lang="da-DK" smtClean="0"/>
              <a:t>20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F80209AE-9804-6CE1-0A1E-C66AABB9BD9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7741347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D286D53-C113-DA2A-466A-CA10DCEA48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dhold og tidspunkter i Klar til Job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38879D4-5959-478E-9F45-606265AE203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37BFDB0-3BFA-44E5-93A8-A175A5D88257}" type="datetime1">
              <a:rPr lang="da-DK" smtClean="0"/>
              <a:t>20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72F23F9-B02D-40B8-3F72-C2A34BF9FB0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  <p:graphicFrame>
        <p:nvGraphicFramePr>
          <p:cNvPr id="6" name="Pladsholder til indhold 5">
            <a:extLst>
              <a:ext uri="{FF2B5EF4-FFF2-40B4-BE49-F238E27FC236}">
                <a16:creationId xmlns:a16="http://schemas.microsoft.com/office/drawing/2014/main" id="{4E0C8219-FE54-696B-3437-7DD68C428C94}"/>
              </a:ext>
            </a:extLst>
          </p:cNvPr>
          <p:cNvGraphicFramePr>
            <a:graphicFrameLocks noGrp="1"/>
          </p:cNvGraphicFramePr>
          <p:nvPr>
            <p:ph sz="quarter" idx="19"/>
            <p:extLst>
              <p:ext uri="{D42A27DB-BD31-4B8C-83A1-F6EECF244321}">
                <p14:modId xmlns:p14="http://schemas.microsoft.com/office/powerpoint/2010/main" val="3326293851"/>
              </p:ext>
            </p:extLst>
          </p:nvPr>
        </p:nvGraphicFramePr>
        <p:xfrm>
          <a:off x="411163" y="1989138"/>
          <a:ext cx="11404118" cy="386397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21899931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E93D23F-5517-CC8B-42ED-8EA8D342D7D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  <a:solidFill>
            <a:schemeClr val="accent3"/>
          </a:solidFill>
        </p:spPr>
        <p:txBody>
          <a:bodyPr anchor="t">
            <a:normAutofit/>
          </a:bodyPr>
          <a:lstStyle/>
          <a:p>
            <a:r>
              <a:rPr lang="da-DK" dirty="0"/>
              <a:t>Spot på Projektorienteret forløb – 2. semest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F53139A-D76F-645E-55E3-0D9CDCAF43E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989138"/>
            <a:ext cx="5385368" cy="3864462"/>
          </a:xfrm>
        </p:spPr>
        <p:txBody>
          <a:bodyPr>
            <a:normAutofit/>
          </a:bodyPr>
          <a:lstStyle/>
          <a:p>
            <a:pPr marL="0" indent="0">
              <a:spcAft>
                <a:spcPts val="600"/>
              </a:spcAft>
              <a:buNone/>
            </a:pPr>
            <a:r>
              <a:rPr lang="da-DK" dirty="0"/>
              <a:t>Modulet hjælper dig til at finde et godt og relevant praktiksted og giver dig inspiration til, hvordan du tager kontakt til mulige praktiksteder.</a:t>
            </a:r>
          </a:p>
          <a:p>
            <a:pPr marL="0" indent="0">
              <a:spcAft>
                <a:spcPts val="600"/>
              </a:spcAft>
              <a:buNone/>
            </a:pPr>
            <a:endParaRPr lang="da-DK" dirty="0"/>
          </a:p>
          <a:p>
            <a:pPr marL="0" indent="0">
              <a:spcAft>
                <a:spcPts val="600"/>
              </a:spcAft>
              <a:buNone/>
            </a:pPr>
            <a:r>
              <a:rPr lang="da-DK" dirty="0"/>
              <a:t>Modulets indhold:</a:t>
            </a:r>
          </a:p>
          <a:p>
            <a:pPr>
              <a:spcAft>
                <a:spcPts val="600"/>
              </a:spcAft>
            </a:pPr>
            <a:r>
              <a:rPr lang="da-DK" dirty="0"/>
              <a:t>Hvorfor projektorienteret forløb?</a:t>
            </a:r>
          </a:p>
          <a:p>
            <a:pPr>
              <a:spcAft>
                <a:spcPts val="600"/>
              </a:spcAft>
            </a:pPr>
            <a:r>
              <a:rPr lang="da-DK" dirty="0"/>
              <a:t>Find det rigtige praktiksted</a:t>
            </a:r>
          </a:p>
          <a:p>
            <a:pPr>
              <a:spcAft>
                <a:spcPts val="600"/>
              </a:spcAft>
            </a:pPr>
            <a:endParaRPr lang="da-DK" dirty="0"/>
          </a:p>
          <a:p>
            <a:pPr>
              <a:spcAft>
                <a:spcPts val="600"/>
              </a:spcAft>
            </a:pPr>
            <a:endParaRPr lang="da-DK" dirty="0"/>
          </a:p>
        </p:txBody>
      </p:sp>
      <p:pic>
        <p:nvPicPr>
          <p:cNvPr id="7" name="Grafik 6" descr="Ambition kontur">
            <a:extLst>
              <a:ext uri="{FF2B5EF4-FFF2-40B4-BE49-F238E27FC236}">
                <a16:creationId xmlns:a16="http://schemas.microsoft.com/office/drawing/2014/main" id="{A5B6569E-3CB1-E789-971A-568F162D64C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747484" y="1989138"/>
            <a:ext cx="3864462" cy="3864462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73CC821C-423B-F027-B52B-6D6120ED2C9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D5025935-DD25-499B-84BE-2D8FF66A9882}" type="datetime1">
              <a:rPr lang="da-DK" smtClean="0"/>
              <a:pPr>
                <a:spcAft>
                  <a:spcPts val="600"/>
                </a:spcAft>
              </a:pPr>
              <a:t>20-02-2024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5BA6EF5-59E5-6D0B-CB0E-06144154BAD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372892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898BE42-DA93-56FA-4A35-E3FE0E4757B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  <a:solidFill>
            <a:schemeClr val="accent3"/>
          </a:solidFill>
        </p:spPr>
        <p:txBody>
          <a:bodyPr anchor="t">
            <a:normAutofit/>
          </a:bodyPr>
          <a:lstStyle/>
          <a:p>
            <a:r>
              <a:rPr lang="da-DK" dirty="0"/>
              <a:t>Spot på specialet – 3. semest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3D42F4CA-EBAD-0077-7350-7CA931D2A5E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989138"/>
            <a:ext cx="5385368" cy="3864462"/>
          </a:xfrm>
        </p:spPr>
        <p:txBody>
          <a:bodyPr>
            <a:normAutofit/>
          </a:bodyPr>
          <a:lstStyle/>
          <a:p>
            <a:pPr marL="0" indent="0">
              <a:spcAft>
                <a:spcPts val="600"/>
              </a:spcAft>
              <a:buNone/>
            </a:pPr>
            <a:r>
              <a:rPr lang="da-DK" dirty="0"/>
              <a:t>Modulet hjælper dig til at få øje på karriereperspektiverne ved dit valg af emne og format for dit speciale. </a:t>
            </a:r>
          </a:p>
          <a:p>
            <a:pPr marL="0" indent="0">
              <a:spcAft>
                <a:spcPts val="600"/>
              </a:spcAft>
              <a:buNone/>
            </a:pPr>
            <a:endParaRPr lang="da-DK" dirty="0"/>
          </a:p>
          <a:p>
            <a:pPr marL="0" indent="0">
              <a:spcAft>
                <a:spcPts val="600"/>
              </a:spcAft>
              <a:buNone/>
            </a:pPr>
            <a:r>
              <a:rPr lang="da-DK" dirty="0"/>
              <a:t>Modulets indhold:</a:t>
            </a:r>
          </a:p>
          <a:p>
            <a:pPr>
              <a:spcAft>
                <a:spcPts val="600"/>
              </a:spcAft>
            </a:pPr>
            <a:r>
              <a:rPr lang="da-DK" dirty="0"/>
              <a:t>Emnet for dit speciale</a:t>
            </a:r>
          </a:p>
          <a:p>
            <a:pPr>
              <a:spcAft>
                <a:spcPts val="600"/>
              </a:spcAft>
            </a:pPr>
            <a:r>
              <a:rPr lang="da-DK" dirty="0"/>
              <a:t>Specialeformat – hvad skal du vælge?</a:t>
            </a:r>
          </a:p>
          <a:p>
            <a:pPr>
              <a:spcAft>
                <a:spcPts val="600"/>
              </a:spcAft>
            </a:pPr>
            <a:r>
              <a:rPr lang="da-DK" dirty="0"/>
              <a:t>Brug specialet til at skabe retning på din faglighed</a:t>
            </a:r>
          </a:p>
          <a:p>
            <a:pPr>
              <a:spcAft>
                <a:spcPts val="600"/>
              </a:spcAft>
            </a:pPr>
            <a:endParaRPr lang="da-DK" dirty="0"/>
          </a:p>
          <a:p>
            <a:pPr marL="0" indent="0">
              <a:spcAft>
                <a:spcPts val="600"/>
              </a:spcAft>
              <a:buNone/>
            </a:pPr>
            <a:endParaRPr lang="da-DK" dirty="0"/>
          </a:p>
        </p:txBody>
      </p:sp>
      <p:pic>
        <p:nvPicPr>
          <p:cNvPr id="7" name="Grafik 6" descr="Arbejdsgang  kontur">
            <a:extLst>
              <a:ext uri="{FF2B5EF4-FFF2-40B4-BE49-F238E27FC236}">
                <a16:creationId xmlns:a16="http://schemas.microsoft.com/office/drawing/2014/main" id="{41483CE3-6683-CB41-1209-17C296D0420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747484" y="1989138"/>
            <a:ext cx="3864462" cy="3864462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3F304A18-DE5F-1A3B-80EB-6B1CE066DEE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E1C64580-D3F7-4802-8A5E-532752E64C10}" type="datetime1">
              <a:rPr lang="da-DK" smtClean="0"/>
              <a:pPr>
                <a:spcAft>
                  <a:spcPts val="600"/>
                </a:spcAft>
              </a:pPr>
              <a:t>20-02-2024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AC131E8A-A8B1-6928-BD08-5AD09A25D1E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936385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8C07D23-A3A0-7A76-3369-268D9F1C82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  <a:solidFill>
            <a:schemeClr val="accent3"/>
          </a:solidFill>
        </p:spPr>
        <p:txBody>
          <a:bodyPr anchor="t">
            <a:normAutofit/>
          </a:bodyPr>
          <a:lstStyle/>
          <a:p>
            <a:r>
              <a:rPr lang="da-DK" dirty="0"/>
              <a:t>Spot på jobsøgningen – 4. semest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8BC41D5-FEFB-44F0-6342-1F15286BC49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3" y="1989138"/>
            <a:ext cx="5385368" cy="3864462"/>
          </a:xfrm>
        </p:spPr>
        <p:txBody>
          <a:bodyPr>
            <a:normAutofit/>
          </a:bodyPr>
          <a:lstStyle/>
          <a:p>
            <a:pPr marL="0" indent="0">
              <a:spcAft>
                <a:spcPts val="600"/>
              </a:spcAft>
              <a:buNone/>
            </a:pPr>
            <a:r>
              <a:rPr lang="da-DK" dirty="0"/>
              <a:t>Modulet giver dig redskaber og inspiration til at starte din jobsøgning, mens du skriver speciale.</a:t>
            </a:r>
          </a:p>
          <a:p>
            <a:pPr>
              <a:spcAft>
                <a:spcPts val="600"/>
              </a:spcAft>
            </a:pPr>
            <a:endParaRPr lang="da-DK" dirty="0"/>
          </a:p>
          <a:p>
            <a:pPr marL="0" indent="0">
              <a:spcAft>
                <a:spcPts val="600"/>
              </a:spcAft>
              <a:buNone/>
            </a:pPr>
            <a:r>
              <a:rPr lang="da-DK" dirty="0"/>
              <a:t>Modulets indhold:</a:t>
            </a:r>
          </a:p>
          <a:p>
            <a:pPr>
              <a:spcAft>
                <a:spcPts val="600"/>
              </a:spcAft>
            </a:pPr>
            <a:r>
              <a:rPr lang="da-DK" dirty="0"/>
              <a:t>Hvorfor søge job inden specialet er afleveret?</a:t>
            </a:r>
          </a:p>
          <a:p>
            <a:pPr>
              <a:spcAft>
                <a:spcPts val="600"/>
              </a:spcAft>
            </a:pPr>
            <a:r>
              <a:rPr lang="da-DK" dirty="0"/>
              <a:t>Find de gode jobs og jobopslag</a:t>
            </a:r>
          </a:p>
          <a:p>
            <a:pPr>
              <a:spcAft>
                <a:spcPts val="600"/>
              </a:spcAft>
            </a:pPr>
            <a:r>
              <a:rPr lang="da-DK" dirty="0"/>
              <a:t>CV og ansøgning – hvordan?</a:t>
            </a:r>
          </a:p>
          <a:p>
            <a:pPr>
              <a:spcAft>
                <a:spcPts val="600"/>
              </a:spcAft>
            </a:pPr>
            <a:r>
              <a:rPr lang="da-DK" dirty="0"/>
              <a:t>Find og sæt ord på dine kompetencer og din faglige profil</a:t>
            </a:r>
          </a:p>
          <a:p>
            <a:pPr>
              <a:spcAft>
                <a:spcPts val="600"/>
              </a:spcAft>
            </a:pPr>
            <a:r>
              <a:rPr lang="da-DK" dirty="0"/>
              <a:t>Brug dit netværk i jobsøgningen</a:t>
            </a:r>
          </a:p>
          <a:p>
            <a:pPr>
              <a:spcAft>
                <a:spcPts val="600"/>
              </a:spcAft>
            </a:pPr>
            <a:endParaRPr lang="da-DK" dirty="0"/>
          </a:p>
          <a:p>
            <a:pPr>
              <a:spcAft>
                <a:spcPts val="600"/>
              </a:spcAft>
            </a:pPr>
            <a:endParaRPr lang="da-DK" dirty="0"/>
          </a:p>
        </p:txBody>
      </p:sp>
      <p:pic>
        <p:nvPicPr>
          <p:cNvPr id="7" name="Grafik 6" descr="Arbejd fra privat skrivebord kontur">
            <a:extLst>
              <a:ext uri="{FF2B5EF4-FFF2-40B4-BE49-F238E27FC236}">
                <a16:creationId xmlns:a16="http://schemas.microsoft.com/office/drawing/2014/main" id="{68A57E12-BE29-2376-AEC4-66AA0065496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747484" y="1989138"/>
            <a:ext cx="3864462" cy="3864462"/>
          </a:xfrm>
          <a:prstGeom prst="rect">
            <a:avLst/>
          </a:prstGeom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B67FEDA3-5E84-05E3-420B-25360BD60E0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943F4085-1ED3-467A-AFFE-4D8EBDA4F9C7}" type="datetime1">
              <a:rPr lang="da-DK" smtClean="0"/>
              <a:pPr>
                <a:spcAft>
                  <a:spcPts val="600"/>
                </a:spcAft>
              </a:pPr>
              <a:t>20-02-2024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B14F5C6D-6708-2FE8-9798-210A8397E0E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8984361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29BCCBD-6AAE-A038-70EB-1AEF933420E4}"/>
              </a:ext>
            </a:extLst>
          </p:cNvPr>
          <p:cNvSpPr>
            <a:spLocks noGrp="1"/>
          </p:cNvSpPr>
          <p:nvPr>
            <p:ph type="title"/>
          </p:nvPr>
        </p:nvSpPr>
        <p:spPr>
          <a:solidFill>
            <a:schemeClr val="accent3"/>
          </a:solidFill>
        </p:spPr>
        <p:txBody>
          <a:bodyPr/>
          <a:lstStyle/>
          <a:p>
            <a:r>
              <a:rPr lang="da-DK" dirty="0"/>
              <a:t>Spørgsmål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3AD8552-E0E0-4C04-3443-4F8E79A492B9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da-DK" dirty="0"/>
              <a:t>Har du spørgsmål til Klar til job, så skriv til karrierekonsulent Marie Sindberg Jensen, </a:t>
            </a:r>
            <a:r>
              <a:rPr lang="da-DK" dirty="0">
                <a:hlinkClick r:id="rId2"/>
              </a:rPr>
              <a:t>msj@sdu.dk</a:t>
            </a:r>
            <a:r>
              <a:rPr lang="da-DK" dirty="0"/>
              <a:t> 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A4289F7-13E0-B670-322F-2CED52C3F21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8D21BD0-3DF7-4D49-A8F0-CB6E00895EC4}" type="datetime1">
              <a:rPr lang="da-DK" smtClean="0"/>
              <a:t>20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FA7F0F3D-1C78-C55E-AA7D-63ACA6523D6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50070114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blank","templateDescription":"","enableDocumentContentUpdater":true,"version":"2.0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E69189B31AC8C4389D2D0824737FEA7" ma:contentTypeVersion="18" ma:contentTypeDescription="Create a new document." ma:contentTypeScope="" ma:versionID="dd750fc0d9c3b911af4357ab2cf5332d">
  <xsd:schema xmlns:xsd="http://www.w3.org/2001/XMLSchema" xmlns:xs="http://www.w3.org/2001/XMLSchema" xmlns:p="http://schemas.microsoft.com/office/2006/metadata/properties" xmlns:ns2="3f233304-c73f-44f2-956d-2e8aec0e8b86" xmlns:ns3="30bd1fd5-774f-4e2f-8c21-1c8dbdd325a0" targetNamespace="http://schemas.microsoft.com/office/2006/metadata/properties" ma:root="true" ma:fieldsID="926642b22856c3fd704a4d698e0e0b35" ns2:_="" ns3:_="">
    <xsd:import namespace="3f233304-c73f-44f2-956d-2e8aec0e8b86"/>
    <xsd:import namespace="30bd1fd5-774f-4e2f-8c21-1c8dbdd325a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233304-c73f-44f2-956d-2e8aec0e8b8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0bd1fd5-774f-4e2f-8c21-1c8dbdd325a0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3102aecf-4959-408f-b5b5-556b2a584b41}" ma:internalName="TaxCatchAll" ma:showField="CatchAllData" ma:web="30bd1fd5-774f-4e2f-8c21-1c8dbdd325a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f233304-c73f-44f2-956d-2e8aec0e8b86">
      <Terms xmlns="http://schemas.microsoft.com/office/infopath/2007/PartnerControls"/>
    </lcf76f155ced4ddcb4097134ff3c332f>
    <TaxCatchAll xmlns="30bd1fd5-774f-4e2f-8c21-1c8dbdd325a0" xsi:nil="true"/>
  </documentManagement>
</p:properties>
</file>

<file path=customXml/item5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8B0DD3AB-C788-47EE-AFD7-7A468917F08F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55EE5BE-03AA-48C1-BB7C-41E277986404}"/>
</file>

<file path=customXml/itemProps4.xml><?xml version="1.0" encoding="utf-8"?>
<ds:datastoreItem xmlns:ds="http://schemas.openxmlformats.org/officeDocument/2006/customXml" ds:itemID="{C8F7855E-83CA-42CC-8E4E-B61801A8A8E9}">
  <ds:schemaRefs>
    <ds:schemaRef ds:uri="http://schemas.microsoft.com/office/2006/metadata/properties"/>
    <ds:schemaRef ds:uri="http://schemas.microsoft.com/office/infopath/2007/PartnerControls"/>
    <ds:schemaRef ds:uri="3f233304-c73f-44f2-956d-2e8aec0e8b86"/>
    <ds:schemaRef ds:uri="30bd1fd5-774f-4e2f-8c21-1c8dbdd325a0"/>
  </ds:schemaRefs>
</ds:datastoreItem>
</file>

<file path=customXml/itemProps5.xml><?xml version="1.0" encoding="utf-8"?>
<ds:datastoreItem xmlns:ds="http://schemas.openxmlformats.org/officeDocument/2006/customXml" ds:itemID="{C5CD5A01-6378-494D-B71B-D23DEC9A12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56</Words>
  <Application>Microsoft Office PowerPoint</Application>
  <PresentationFormat>Widescreen</PresentationFormat>
  <Paragraphs>57</Paragraphs>
  <Slides>6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9" baseType="lpstr">
      <vt:lpstr>Arial</vt:lpstr>
      <vt:lpstr>Wingdings</vt:lpstr>
      <vt:lpstr>Blank</vt:lpstr>
      <vt:lpstr>Klar til Job</vt:lpstr>
      <vt:lpstr>Indhold og tidspunkter i Klar til Job</vt:lpstr>
      <vt:lpstr>Spot på Projektorienteret forløb – 2. semester</vt:lpstr>
      <vt:lpstr>Spot på specialet – 3. semester</vt:lpstr>
      <vt:lpstr>Spot på jobsøgningen – 4. semester</vt:lpstr>
      <vt:lpstr>Spørgsmål?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3-06-08T10:58:09Z</dcterms:created>
  <dcterms:modified xsi:type="dcterms:W3CDTF">2024-02-20T11:54:3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4T06:37:46</vt:lpwstr>
  </property>
  <property fmtid="{D5CDD505-2E9C-101B-9397-08002B2CF9AE}" pid="3" name="TemplafyTenantId">
    <vt:lpwstr>sdu</vt:lpwstr>
  </property>
  <property fmtid="{D5CDD505-2E9C-101B-9397-08002B2CF9AE}" pid="4" name="TemplafyTemplateId">
    <vt:lpwstr>637925134655816945</vt:lpwstr>
  </property>
  <property fmtid="{D5CDD505-2E9C-101B-9397-08002B2CF9AE}" pid="5" name="TemplafyUserProfileId">
    <vt:lpwstr>637830422163307380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1E69189B31AC8C4389D2D0824737FEA7</vt:lpwstr>
  </property>
  <property fmtid="{D5CDD505-2E9C-101B-9397-08002B2CF9AE}" pid="9" name="MediaServiceImageTags">
    <vt:lpwstr/>
  </property>
</Properties>
</file>